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4505" yWindow="-15" windowWidth="14310" windowHeight="11760"/>
  </bookViews>
  <sheets>
    <sheet name="sugi" sheetId="1" r:id="rId1"/>
  </sheets>
  <calcPr calcId="145621"/>
</workbook>
</file>

<file path=xl/comments1.xml><?xml version="1.0" encoding="utf-8"?>
<comments xmlns="http://schemas.openxmlformats.org/spreadsheetml/2006/main">
  <authors>
    <author>森林整備課</author>
  </authors>
  <commentList>
    <comment ref="N5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森林整備課: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</commentList>
</comments>
</file>

<file path=xl/sharedStrings.xml><?xml version="1.0" encoding="utf-8"?>
<sst xmlns="http://schemas.openxmlformats.org/spreadsheetml/2006/main" count="84" uniqueCount="16">
  <si>
    <t>上層樹高</t>
    <rPh sb="0" eb="2">
      <t>ジョウソウ</t>
    </rPh>
    <rPh sb="2" eb="4">
      <t>ジュコウ</t>
    </rPh>
    <phoneticPr fontId="1"/>
  </si>
  <si>
    <t>胸高直径</t>
    <rPh sb="0" eb="4">
      <t>キョウコウチョッケイ</t>
    </rPh>
    <phoneticPr fontId="1"/>
  </si>
  <si>
    <t>本数</t>
    <rPh sb="0" eb="2">
      <t>ホンスウ</t>
    </rPh>
    <phoneticPr fontId="1"/>
  </si>
  <si>
    <t>蓄積</t>
    <rPh sb="0" eb="2">
      <t>チクセキ</t>
    </rPh>
    <phoneticPr fontId="1"/>
  </si>
  <si>
    <t>林齢</t>
    <rPh sb="0" eb="2">
      <t>リンレイ</t>
    </rPh>
    <phoneticPr fontId="1"/>
  </si>
  <si>
    <t>地位1</t>
    <rPh sb="0" eb="2">
      <t>チイ</t>
    </rPh>
    <phoneticPr fontId="1"/>
  </si>
  <si>
    <t>地位2</t>
    <rPh sb="0" eb="2">
      <t>チイ</t>
    </rPh>
    <phoneticPr fontId="1"/>
  </si>
  <si>
    <t>地位3</t>
    <rPh sb="0" eb="2">
      <t>チイ</t>
    </rPh>
    <phoneticPr fontId="1"/>
  </si>
  <si>
    <t>地位4</t>
    <rPh sb="0" eb="2">
      <t>チイ</t>
    </rPh>
    <phoneticPr fontId="1"/>
  </si>
  <si>
    <t>地位5</t>
    <rPh sb="0" eb="2">
      <t>チイ</t>
    </rPh>
    <phoneticPr fontId="1"/>
  </si>
  <si>
    <t>（年）</t>
    <rPh sb="1" eb="2">
      <t>ネン</t>
    </rPh>
    <phoneticPr fontId="1"/>
  </si>
  <si>
    <t>（本）</t>
    <rPh sb="1" eb="2">
      <t>ホン</t>
    </rPh>
    <phoneticPr fontId="1"/>
  </si>
  <si>
    <t>（㎥）</t>
    <phoneticPr fontId="1"/>
  </si>
  <si>
    <t>（㎝）</t>
    <phoneticPr fontId="1"/>
  </si>
  <si>
    <t>（ｍ）</t>
    <phoneticPr fontId="1"/>
  </si>
  <si>
    <t>スギ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0.0_ "/>
    <numFmt numFmtId="177" formatCode="0_ "/>
    <numFmt numFmtId="178" formatCode="0_ ;[Red]\-0\ "/>
  </numFmts>
  <fonts count="8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ゴシック"/>
      <family val="3"/>
      <charset val="128"/>
    </font>
    <font>
      <sz val="2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9"/>
      <color indexed="81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5" fillId="0" borderId="0" applyFont="0" applyFill="0" applyBorder="0" applyAlignment="0" applyProtection="0">
      <alignment vertical="center"/>
    </xf>
  </cellStyleXfs>
  <cellXfs count="33">
    <xf numFmtId="0" fontId="0" fillId="0" borderId="0" xfId="0">
      <alignment vertical="center"/>
    </xf>
    <xf numFmtId="0" fontId="2" fillId="0" borderId="0" xfId="0" applyFont="1" applyFill="1" applyAlignment="1">
      <alignment horizontal="center" vertical="center"/>
    </xf>
    <xf numFmtId="0" fontId="2" fillId="0" borderId="0" xfId="0" applyFont="1" applyFill="1" applyAlignment="1">
      <alignment vertical="center"/>
    </xf>
    <xf numFmtId="176" fontId="4" fillId="0" borderId="2" xfId="0" applyNumberFormat="1" applyFont="1" applyFill="1" applyBorder="1" applyAlignment="1">
      <alignment horizontal="center" vertical="center"/>
    </xf>
    <xf numFmtId="177" fontId="4" fillId="0" borderId="2" xfId="0" applyNumberFormat="1" applyFont="1" applyFill="1" applyBorder="1" applyAlignment="1">
      <alignment horizontal="center" vertical="center"/>
    </xf>
    <xf numFmtId="177" fontId="4" fillId="0" borderId="4" xfId="0" applyNumberFormat="1" applyFont="1" applyFill="1" applyBorder="1" applyAlignment="1">
      <alignment horizontal="center" vertical="center"/>
    </xf>
    <xf numFmtId="0" fontId="4" fillId="0" borderId="10" xfId="0" applyFont="1" applyFill="1" applyBorder="1" applyAlignment="1">
      <alignment horizontal="center" vertical="center"/>
    </xf>
    <xf numFmtId="176" fontId="4" fillId="0" borderId="11" xfId="0" applyNumberFormat="1" applyFont="1" applyFill="1" applyBorder="1" applyAlignment="1">
      <alignment horizontal="center" vertical="center"/>
    </xf>
    <xf numFmtId="177" fontId="4" fillId="0" borderId="11" xfId="0" applyNumberFormat="1" applyFont="1" applyFill="1" applyBorder="1" applyAlignment="1">
      <alignment horizontal="center" vertical="center"/>
    </xf>
    <xf numFmtId="177" fontId="4" fillId="0" borderId="12" xfId="0" applyNumberFormat="1" applyFont="1" applyFill="1" applyBorder="1" applyAlignment="1">
      <alignment horizontal="center" vertical="center"/>
    </xf>
    <xf numFmtId="176" fontId="2" fillId="0" borderId="0" xfId="0" applyNumberFormat="1" applyFont="1" applyFill="1" applyAlignment="1">
      <alignment vertical="center"/>
    </xf>
    <xf numFmtId="38" fontId="4" fillId="0" borderId="5" xfId="1" applyFont="1" applyFill="1" applyBorder="1" applyAlignment="1">
      <alignment horizontal="center" vertical="center"/>
    </xf>
    <xf numFmtId="176" fontId="4" fillId="0" borderId="1" xfId="1" applyNumberFormat="1" applyFont="1" applyFill="1" applyBorder="1" applyAlignment="1">
      <alignment vertical="center"/>
    </xf>
    <xf numFmtId="38" fontId="4" fillId="0" borderId="7" xfId="1" applyFont="1" applyFill="1" applyBorder="1" applyAlignment="1">
      <alignment horizontal="center" vertical="center"/>
    </xf>
    <xf numFmtId="176" fontId="4" fillId="0" borderId="8" xfId="1" applyNumberFormat="1" applyFont="1" applyFill="1" applyBorder="1" applyAlignment="1">
      <alignment vertical="center"/>
    </xf>
    <xf numFmtId="38" fontId="4" fillId="0" borderId="1" xfId="1" applyFont="1" applyFill="1" applyBorder="1" applyAlignment="1">
      <alignment horizontal="right" vertical="center"/>
    </xf>
    <xf numFmtId="38" fontId="4" fillId="0" borderId="8" xfId="1" applyFont="1" applyFill="1" applyBorder="1" applyAlignment="1">
      <alignment horizontal="right" vertical="center"/>
    </xf>
    <xf numFmtId="0" fontId="2" fillId="0" borderId="0" xfId="0" applyFont="1" applyFill="1" applyAlignment="1">
      <alignment horizontal="right" vertical="center"/>
    </xf>
    <xf numFmtId="38" fontId="4" fillId="0" borderId="6" xfId="1" applyFont="1" applyFill="1" applyBorder="1" applyAlignment="1">
      <alignment horizontal="right" vertical="center"/>
    </xf>
    <xf numFmtId="38" fontId="4" fillId="0" borderId="9" xfId="1" applyFont="1" applyFill="1" applyBorder="1" applyAlignment="1">
      <alignment horizontal="right" vertical="center"/>
    </xf>
    <xf numFmtId="176" fontId="4" fillId="0" borderId="1" xfId="1" applyNumberFormat="1" applyFont="1" applyFill="1" applyBorder="1" applyAlignment="1">
      <alignment horizontal="right" vertical="center"/>
    </xf>
    <xf numFmtId="0" fontId="3" fillId="0" borderId="13" xfId="0" applyFont="1" applyFill="1" applyBorder="1" applyAlignment="1">
      <alignment vertical="center"/>
    </xf>
    <xf numFmtId="0" fontId="3" fillId="0" borderId="17" xfId="0" applyFont="1" applyFill="1" applyBorder="1" applyAlignment="1">
      <alignment vertical="center"/>
    </xf>
    <xf numFmtId="0" fontId="3" fillId="0" borderId="18" xfId="0" applyFont="1" applyFill="1" applyBorder="1" applyAlignment="1">
      <alignment vertical="center"/>
    </xf>
    <xf numFmtId="0" fontId="3" fillId="0" borderId="1" xfId="0" applyFont="1" applyFill="1" applyBorder="1" applyAlignment="1">
      <alignment vertical="center"/>
    </xf>
    <xf numFmtId="0" fontId="3" fillId="0" borderId="19" xfId="0" applyFont="1" applyFill="1" applyBorder="1" applyAlignment="1">
      <alignment vertical="center"/>
    </xf>
    <xf numFmtId="0" fontId="4" fillId="0" borderId="14" xfId="0" applyFont="1" applyFill="1" applyBorder="1" applyAlignment="1">
      <alignment vertical="center"/>
    </xf>
    <xf numFmtId="0" fontId="4" fillId="0" borderId="3" xfId="0" applyFont="1" applyFill="1" applyBorder="1" applyAlignment="1">
      <alignment vertical="center"/>
    </xf>
    <xf numFmtId="0" fontId="4" fillId="0" borderId="15" xfId="0" applyFont="1" applyFill="1" applyBorder="1" applyAlignment="1">
      <alignment vertical="center"/>
    </xf>
    <xf numFmtId="0" fontId="3" fillId="0" borderId="6" xfId="0" applyFont="1" applyFill="1" applyBorder="1" applyAlignment="1">
      <alignment vertical="center"/>
    </xf>
    <xf numFmtId="0" fontId="4" fillId="0" borderId="16" xfId="0" applyFont="1" applyFill="1" applyBorder="1" applyAlignment="1">
      <alignment vertical="center"/>
    </xf>
    <xf numFmtId="178" fontId="4" fillId="0" borderId="1" xfId="1" applyNumberFormat="1" applyFont="1" applyFill="1" applyBorder="1" applyAlignment="1">
      <alignment horizontal="right" vertical="center"/>
    </xf>
    <xf numFmtId="178" fontId="4" fillId="0" borderId="8" xfId="1" applyNumberFormat="1" applyFont="1" applyFill="1" applyBorder="1" applyAlignment="1">
      <alignment horizontal="right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U22"/>
  <sheetViews>
    <sheetView tabSelected="1" zoomScaleNormal="100" workbookViewId="0"/>
  </sheetViews>
  <sheetFormatPr defaultRowHeight="13.5" x14ac:dyDescent="0.15"/>
  <cols>
    <col min="1" max="1" width="7.5" style="2" bestFit="1" customWidth="1"/>
    <col min="2" max="3" width="9.5" style="10" bestFit="1" customWidth="1"/>
    <col min="4" max="5" width="8" style="17" customWidth="1"/>
    <col min="6" max="7" width="9.5" style="10" bestFit="1" customWidth="1"/>
    <col min="8" max="9" width="8" style="17" customWidth="1"/>
    <col min="10" max="10" width="9.125" style="10" customWidth="1"/>
    <col min="11" max="11" width="9.5" style="10" bestFit="1" customWidth="1"/>
    <col min="12" max="13" width="8" style="17" customWidth="1"/>
    <col min="14" max="14" width="9.5" style="10" bestFit="1" customWidth="1"/>
    <col min="15" max="15" width="9.75" style="10" customWidth="1"/>
    <col min="16" max="17" width="8" style="17" customWidth="1"/>
    <col min="18" max="19" width="9.5" style="10" bestFit="1" customWidth="1"/>
    <col min="20" max="21" width="8" style="17" customWidth="1"/>
    <col min="22" max="16384" width="9" style="2"/>
  </cols>
  <sheetData>
    <row r="1" spans="1:21" ht="41.25" customHeight="1" x14ac:dyDescent="0.15">
      <c r="A1" s="21" t="s">
        <v>15</v>
      </c>
      <c r="B1" s="21" t="s">
        <v>15</v>
      </c>
      <c r="C1" s="21" t="s">
        <v>15</v>
      </c>
      <c r="D1" s="21" t="s">
        <v>15</v>
      </c>
      <c r="E1" s="22" t="s">
        <v>15</v>
      </c>
      <c r="F1" s="23" t="s">
        <v>15</v>
      </c>
      <c r="G1" s="23" t="s">
        <v>15</v>
      </c>
      <c r="H1" s="23" t="s">
        <v>15</v>
      </c>
      <c r="I1" s="23" t="s">
        <v>15</v>
      </c>
      <c r="J1" s="23" t="s">
        <v>15</v>
      </c>
      <c r="K1" s="23" t="s">
        <v>15</v>
      </c>
      <c r="L1" s="23" t="s">
        <v>15</v>
      </c>
      <c r="M1" s="23" t="s">
        <v>15</v>
      </c>
      <c r="N1" s="24" t="s">
        <v>15</v>
      </c>
      <c r="O1" s="24" t="s">
        <v>15</v>
      </c>
      <c r="P1" s="24" t="s">
        <v>15</v>
      </c>
      <c r="Q1" s="25" t="s">
        <v>15</v>
      </c>
      <c r="R1" s="24" t="s">
        <v>15</v>
      </c>
      <c r="S1" s="25" t="s">
        <v>15</v>
      </c>
      <c r="T1" s="24" t="s">
        <v>15</v>
      </c>
      <c r="U1" s="29" t="s">
        <v>15</v>
      </c>
    </row>
    <row r="2" spans="1:21" s="1" customFormat="1" ht="30" customHeight="1" x14ac:dyDescent="0.15">
      <c r="A2" s="26" t="s">
        <v>4</v>
      </c>
      <c r="B2" s="28" t="s">
        <v>5</v>
      </c>
      <c r="C2" s="28" t="s">
        <v>5</v>
      </c>
      <c r="D2" s="28" t="s">
        <v>5</v>
      </c>
      <c r="E2" s="28" t="s">
        <v>5</v>
      </c>
      <c r="F2" s="28" t="s">
        <v>6</v>
      </c>
      <c r="G2" s="28" t="s">
        <v>6</v>
      </c>
      <c r="H2" s="28" t="s">
        <v>6</v>
      </c>
      <c r="I2" s="28" t="s">
        <v>6</v>
      </c>
      <c r="J2" s="28" t="s">
        <v>7</v>
      </c>
      <c r="K2" s="28" t="s">
        <v>7</v>
      </c>
      <c r="L2" s="28" t="s">
        <v>7</v>
      </c>
      <c r="M2" s="28" t="s">
        <v>7</v>
      </c>
      <c r="N2" s="28" t="s">
        <v>8</v>
      </c>
      <c r="O2" s="28" t="s">
        <v>8</v>
      </c>
      <c r="P2" s="28" t="s">
        <v>8</v>
      </c>
      <c r="Q2" s="28" t="s">
        <v>8</v>
      </c>
      <c r="R2" s="28" t="s">
        <v>9</v>
      </c>
      <c r="S2" s="28" t="s">
        <v>9</v>
      </c>
      <c r="T2" s="28" t="s">
        <v>9</v>
      </c>
      <c r="U2" s="30" t="s">
        <v>9</v>
      </c>
    </row>
    <row r="3" spans="1:21" s="1" customFormat="1" ht="30" customHeight="1" x14ac:dyDescent="0.15">
      <c r="A3" s="27" t="s">
        <v>4</v>
      </c>
      <c r="B3" s="3" t="s">
        <v>0</v>
      </c>
      <c r="C3" s="3" t="s">
        <v>1</v>
      </c>
      <c r="D3" s="4" t="s">
        <v>2</v>
      </c>
      <c r="E3" s="4" t="s">
        <v>3</v>
      </c>
      <c r="F3" s="3" t="s">
        <v>0</v>
      </c>
      <c r="G3" s="3" t="s">
        <v>1</v>
      </c>
      <c r="H3" s="4" t="s">
        <v>2</v>
      </c>
      <c r="I3" s="4" t="s">
        <v>3</v>
      </c>
      <c r="J3" s="3" t="s">
        <v>0</v>
      </c>
      <c r="K3" s="3" t="s">
        <v>1</v>
      </c>
      <c r="L3" s="4" t="s">
        <v>2</v>
      </c>
      <c r="M3" s="4" t="s">
        <v>3</v>
      </c>
      <c r="N3" s="3" t="s">
        <v>0</v>
      </c>
      <c r="O3" s="3" t="s">
        <v>1</v>
      </c>
      <c r="P3" s="4" t="s">
        <v>2</v>
      </c>
      <c r="Q3" s="4" t="s">
        <v>3</v>
      </c>
      <c r="R3" s="3" t="s">
        <v>0</v>
      </c>
      <c r="S3" s="3" t="s">
        <v>1</v>
      </c>
      <c r="T3" s="4" t="s">
        <v>2</v>
      </c>
      <c r="U3" s="5" t="s">
        <v>3</v>
      </c>
    </row>
    <row r="4" spans="1:21" s="1" customFormat="1" ht="30" customHeight="1" thickBot="1" x14ac:dyDescent="0.2">
      <c r="A4" s="6" t="s">
        <v>10</v>
      </c>
      <c r="B4" s="7" t="s">
        <v>14</v>
      </c>
      <c r="C4" s="7" t="s">
        <v>13</v>
      </c>
      <c r="D4" s="8" t="s">
        <v>11</v>
      </c>
      <c r="E4" s="8" t="s">
        <v>12</v>
      </c>
      <c r="F4" s="7" t="s">
        <v>14</v>
      </c>
      <c r="G4" s="7" t="s">
        <v>13</v>
      </c>
      <c r="H4" s="8" t="s">
        <v>11</v>
      </c>
      <c r="I4" s="8" t="s">
        <v>12</v>
      </c>
      <c r="J4" s="7" t="s">
        <v>14</v>
      </c>
      <c r="K4" s="7" t="s">
        <v>13</v>
      </c>
      <c r="L4" s="8" t="s">
        <v>11</v>
      </c>
      <c r="M4" s="8" t="s">
        <v>12</v>
      </c>
      <c r="N4" s="7" t="s">
        <v>14</v>
      </c>
      <c r="O4" s="7" t="s">
        <v>13</v>
      </c>
      <c r="P4" s="8" t="s">
        <v>11</v>
      </c>
      <c r="Q4" s="8" t="s">
        <v>12</v>
      </c>
      <c r="R4" s="7" t="s">
        <v>14</v>
      </c>
      <c r="S4" s="7" t="s">
        <v>13</v>
      </c>
      <c r="T4" s="8" t="s">
        <v>11</v>
      </c>
      <c r="U4" s="9" t="s">
        <v>12</v>
      </c>
    </row>
    <row r="5" spans="1:21" ht="30" customHeight="1" thickTop="1" x14ac:dyDescent="0.15">
      <c r="A5" s="11">
        <v>15</v>
      </c>
      <c r="B5" s="12">
        <v>14.769099719721591</v>
      </c>
      <c r="C5" s="12">
        <v>17.168983366460694</v>
      </c>
      <c r="D5" s="31">
        <v>1753.7863389731162</v>
      </c>
      <c r="E5" s="15">
        <v>336.44830451522211</v>
      </c>
      <c r="F5" s="12">
        <v>12.980764875259489</v>
      </c>
      <c r="G5" s="12">
        <v>15.372746690634132</v>
      </c>
      <c r="H5" s="31">
        <v>1938.2655908607599</v>
      </c>
      <c r="I5" s="15">
        <v>271.04164031617171</v>
      </c>
      <c r="J5" s="12">
        <v>11.213234279699002</v>
      </c>
      <c r="K5" s="12">
        <v>13.519272801804084</v>
      </c>
      <c r="L5" s="31">
        <v>2171.0700687499643</v>
      </c>
      <c r="M5" s="15">
        <v>211.59516269506602</v>
      </c>
      <c r="N5" s="12">
        <v>9.465923283307923</v>
      </c>
      <c r="O5" s="20">
        <v>11.59973604926571</v>
      </c>
      <c r="P5" s="31">
        <v>2475.6107137088775</v>
      </c>
      <c r="Q5" s="31">
        <v>158.36263167974627</v>
      </c>
      <c r="R5" s="12">
        <v>7.7421966994455209</v>
      </c>
      <c r="S5" s="12">
        <v>9.6083839588871456</v>
      </c>
      <c r="T5" s="31">
        <v>2892.8842083487025</v>
      </c>
      <c r="U5" s="18">
        <v>111.77790394298565</v>
      </c>
    </row>
    <row r="6" spans="1:21" ht="30" customHeight="1" x14ac:dyDescent="0.15">
      <c r="A6" s="11">
        <v>20</v>
      </c>
      <c r="B6" s="12">
        <v>17.512487183708707</v>
      </c>
      <c r="C6" s="12">
        <v>19.790999880927107</v>
      </c>
      <c r="D6" s="31">
        <v>1536.8735677831112</v>
      </c>
      <c r="E6" s="15">
        <v>446.1865648116725</v>
      </c>
      <c r="F6" s="12">
        <v>15.796097067510848</v>
      </c>
      <c r="G6" s="12">
        <v>18.168297357435758</v>
      </c>
      <c r="H6" s="31">
        <v>1664.763663089642</v>
      </c>
      <c r="I6" s="15">
        <v>376.24613226030067</v>
      </c>
      <c r="J6" s="12">
        <v>14.100252138011655</v>
      </c>
      <c r="K6" s="12">
        <v>16.505853469194491</v>
      </c>
      <c r="L6" s="31">
        <v>1817.914309248637</v>
      </c>
      <c r="M6" s="15">
        <v>311.39286578346463</v>
      </c>
      <c r="N6" s="12">
        <v>12.420916593785659</v>
      </c>
      <c r="O6" s="12">
        <v>14.794570633232089</v>
      </c>
      <c r="P6" s="31">
        <v>2005.627183361639</v>
      </c>
      <c r="Q6" s="31">
        <v>251.63293509100251</v>
      </c>
      <c r="R6" s="12">
        <v>10.758409444390349</v>
      </c>
      <c r="S6" s="12">
        <v>13.028458634657806</v>
      </c>
      <c r="T6" s="31">
        <v>2241.8621915521808</v>
      </c>
      <c r="U6" s="18">
        <v>197.18871602316443</v>
      </c>
    </row>
    <row r="7" spans="1:21" ht="30" customHeight="1" x14ac:dyDescent="0.15">
      <c r="A7" s="11">
        <v>25</v>
      </c>
      <c r="B7" s="12">
        <v>20.025025334174103</v>
      </c>
      <c r="C7" s="12">
        <v>22.070423880985317</v>
      </c>
      <c r="D7" s="31">
        <v>1385.2202054562449</v>
      </c>
      <c r="E7" s="15">
        <v>555.82279388631719</v>
      </c>
      <c r="F7" s="12">
        <v>18.330556220833241</v>
      </c>
      <c r="G7" s="12">
        <v>20.545054281711796</v>
      </c>
      <c r="H7" s="31">
        <v>1483.4515642888939</v>
      </c>
      <c r="I7" s="15">
        <v>480.96518079144488</v>
      </c>
      <c r="J7" s="12">
        <v>16.650713034170337</v>
      </c>
      <c r="K7" s="12">
        <v>18.983384604618987</v>
      </c>
      <c r="L7" s="31">
        <v>1598.1601217193249</v>
      </c>
      <c r="M7" s="15">
        <v>410.54720060908124</v>
      </c>
      <c r="N7" s="12">
        <v>14.978202202979816</v>
      </c>
      <c r="O7" s="12">
        <v>17.374268891029025</v>
      </c>
      <c r="P7" s="31">
        <v>1734.7837321413315</v>
      </c>
      <c r="Q7" s="31">
        <v>344.42272538135967</v>
      </c>
      <c r="R7" s="12">
        <v>13.310599884160659</v>
      </c>
      <c r="S7" s="12">
        <v>15.709716455421407</v>
      </c>
      <c r="T7" s="31">
        <v>1900.9418158621745</v>
      </c>
      <c r="U7" s="18">
        <v>282.71968459365053</v>
      </c>
    </row>
    <row r="8" spans="1:21" ht="30" customHeight="1" x14ac:dyDescent="0.15">
      <c r="A8" s="11">
        <v>30</v>
      </c>
      <c r="B8" s="12">
        <v>22.326139573563847</v>
      </c>
      <c r="C8" s="12">
        <v>24.06990412411507</v>
      </c>
      <c r="D8" s="31">
        <v>1273.243988659339</v>
      </c>
      <c r="E8" s="15">
        <v>663.26156675550305</v>
      </c>
      <c r="F8" s="12">
        <v>20.612163775898697</v>
      </c>
      <c r="G8" s="12">
        <v>22.588149080954626</v>
      </c>
      <c r="H8" s="31">
        <v>1354.5445766299647</v>
      </c>
      <c r="I8" s="15">
        <v>582.61864091726659</v>
      </c>
      <c r="J8" s="12">
        <v>18.90385142890003</v>
      </c>
      <c r="K8" s="12">
        <v>21.066499503686199</v>
      </c>
      <c r="L8" s="31">
        <v>1448.4690478909818</v>
      </c>
      <c r="M8" s="15">
        <v>505.87285030006348</v>
      </c>
      <c r="N8" s="12">
        <v>17.191306937871499</v>
      </c>
      <c r="O8" s="12">
        <v>19.491634128792022</v>
      </c>
      <c r="P8" s="31">
        <v>1559.0771025758465</v>
      </c>
      <c r="Q8" s="31">
        <v>432.78264498913359</v>
      </c>
      <c r="R8" s="12">
        <v>15.470154461924404</v>
      </c>
      <c r="S8" s="12">
        <v>17.853545242632197</v>
      </c>
      <c r="T8" s="31">
        <v>1691.879816502686</v>
      </c>
      <c r="U8" s="18">
        <v>363.44457224318506</v>
      </c>
    </row>
    <row r="9" spans="1:21" ht="30" customHeight="1" x14ac:dyDescent="0.15">
      <c r="A9" s="11">
        <v>35</v>
      </c>
      <c r="B9" s="12">
        <v>24.433620704443957</v>
      </c>
      <c r="C9" s="12">
        <v>25.835891835953777</v>
      </c>
      <c r="D9" s="31">
        <v>1187.2854920645987</v>
      </c>
      <c r="E9" s="15">
        <v>767.151090975079</v>
      </c>
      <c r="F9" s="12">
        <v>22.666145600189541</v>
      </c>
      <c r="G9" s="12">
        <v>24.358845069350025</v>
      </c>
      <c r="H9" s="31">
        <v>1258.4185026661464</v>
      </c>
      <c r="I9" s="15">
        <v>679.67624590978994</v>
      </c>
      <c r="J9" s="12">
        <v>20.894327986863011</v>
      </c>
      <c r="K9" s="12">
        <v>22.835067196865172</v>
      </c>
      <c r="L9" s="31">
        <v>1340.3480758918492</v>
      </c>
      <c r="M9" s="15">
        <v>595.6488035620049</v>
      </c>
      <c r="N9" s="12">
        <v>19.106553537622002</v>
      </c>
      <c r="O9" s="12">
        <v>21.249533404390235</v>
      </c>
      <c r="P9" s="31">
        <v>1436.5468345614127</v>
      </c>
      <c r="Q9" s="31">
        <v>514.78316677415296</v>
      </c>
      <c r="R9" s="12">
        <v>17.297477337861544</v>
      </c>
      <c r="S9" s="12">
        <v>19.590804854392452</v>
      </c>
      <c r="T9" s="31">
        <v>1551.6564824606928</v>
      </c>
      <c r="U9" s="18">
        <v>437.19767229185152</v>
      </c>
    </row>
    <row r="10" spans="1:21" ht="30" customHeight="1" x14ac:dyDescent="0.15">
      <c r="A10" s="11">
        <v>40</v>
      </c>
      <c r="B10" s="12">
        <v>26.363762477063474</v>
      </c>
      <c r="C10" s="12">
        <v>27.40406428859221</v>
      </c>
      <c r="D10" s="31">
        <v>1119.3553308499406</v>
      </c>
      <c r="E10" s="15">
        <v>866.63870985169137</v>
      </c>
      <c r="F10" s="12">
        <v>24.515210889770469</v>
      </c>
      <c r="G10" s="12">
        <v>25.903099895635215</v>
      </c>
      <c r="H10" s="31">
        <v>1184.2223187115574</v>
      </c>
      <c r="I10" s="15">
        <v>771.27424573301664</v>
      </c>
      <c r="J10" s="12">
        <v>22.652762771458416</v>
      </c>
      <c r="K10" s="12">
        <v>24.347502380922208</v>
      </c>
      <c r="L10" s="31">
        <v>1258.9945713059856</v>
      </c>
      <c r="M10" s="15">
        <v>679.02759480815212</v>
      </c>
      <c r="N10" s="12">
        <v>20.764030239932417</v>
      </c>
      <c r="O10" s="12">
        <v>22.721195629731486</v>
      </c>
      <c r="P10" s="31">
        <v>1346.8611808059138</v>
      </c>
      <c r="Q10" s="31">
        <v>589.61950965004826</v>
      </c>
      <c r="R10" s="12">
        <v>18.843679933204548</v>
      </c>
      <c r="S10" s="12">
        <v>21.012033509145791</v>
      </c>
      <c r="T10" s="31">
        <v>1452.0519065177189</v>
      </c>
      <c r="U10" s="18">
        <v>503.23821005688689</v>
      </c>
    </row>
    <row r="11" spans="1:21" ht="30" customHeight="1" x14ac:dyDescent="0.15">
      <c r="A11" s="11">
        <v>45</v>
      </c>
      <c r="B11" s="12">
        <v>28.13148756262806</v>
      </c>
      <c r="C11" s="12">
        <v>28.802595232888521</v>
      </c>
      <c r="D11" s="31">
        <v>1064.4539924471064</v>
      </c>
      <c r="E11" s="15">
        <v>961.2156308753913</v>
      </c>
      <c r="F11" s="12">
        <v>26.179803246284362</v>
      </c>
      <c r="G11" s="12">
        <v>27.256510699666524</v>
      </c>
      <c r="H11" s="31">
        <v>1125.4455348297479</v>
      </c>
      <c r="I11" s="15">
        <v>856.9838101076806</v>
      </c>
      <c r="J11" s="12">
        <v>24.206206281910749</v>
      </c>
      <c r="K11" s="12">
        <v>25.648121434092563</v>
      </c>
      <c r="L11" s="31">
        <v>1195.9200480949646</v>
      </c>
      <c r="M11" s="15">
        <v>755.69781972372925</v>
      </c>
      <c r="N11" s="12">
        <v>22.19842987236602</v>
      </c>
      <c r="O11" s="12">
        <v>23.960959209289925</v>
      </c>
      <c r="P11" s="31">
        <v>1278.9166113950007</v>
      </c>
      <c r="Q11" s="31">
        <v>657.13118480682283</v>
      </c>
      <c r="R11" s="12">
        <v>20.152010550266063</v>
      </c>
      <c r="S11" s="12">
        <v>22.182852416106876</v>
      </c>
      <c r="T11" s="31">
        <v>1378.45137641469</v>
      </c>
      <c r="U11" s="18">
        <v>561.581479682544</v>
      </c>
    </row>
    <row r="12" spans="1:21" ht="30" customHeight="1" x14ac:dyDescent="0.15">
      <c r="A12" s="11">
        <v>50</v>
      </c>
      <c r="B12" s="12">
        <v>29.750462926232256</v>
      </c>
      <c r="C12" s="12">
        <v>30.054231747169357</v>
      </c>
      <c r="D12" s="31">
        <v>1019.2853541733606</v>
      </c>
      <c r="E12" s="31">
        <v>1050.6137045031792</v>
      </c>
      <c r="F12" s="12">
        <v>27.678326705124721</v>
      </c>
      <c r="G12" s="12">
        <v>28.447347464191946</v>
      </c>
      <c r="H12" s="31">
        <v>1077.9341524704616</v>
      </c>
      <c r="I12" s="15">
        <v>936.66361960347183</v>
      </c>
      <c r="J12" s="12">
        <v>25.578555578743902</v>
      </c>
      <c r="K12" s="12">
        <v>26.771497606528211</v>
      </c>
      <c r="L12" s="31">
        <v>1145.8917823433719</v>
      </c>
      <c r="M12" s="15">
        <v>825.6795433306105</v>
      </c>
      <c r="N12" s="12">
        <v>23.439776011746211</v>
      </c>
      <c r="O12" s="12">
        <v>25.010413092729795</v>
      </c>
      <c r="P12" s="31">
        <v>1226.1120908236594</v>
      </c>
      <c r="Q12" s="31">
        <v>717.52609749204169</v>
      </c>
      <c r="R12" s="12">
        <v>21.259064055864936</v>
      </c>
      <c r="S12" s="12">
        <v>23.152467291127493</v>
      </c>
      <c r="T12" s="31">
        <v>1322.4935991766363</v>
      </c>
      <c r="U12" s="18">
        <v>612.6371398177746</v>
      </c>
    </row>
    <row r="13" spans="1:21" ht="30" customHeight="1" x14ac:dyDescent="0.15">
      <c r="A13" s="11">
        <v>55</v>
      </c>
      <c r="B13" s="12">
        <v>31.233205491442948</v>
      </c>
      <c r="C13" s="12">
        <v>31.177672109142641</v>
      </c>
      <c r="D13" s="15">
        <v>981.58404653195726</v>
      </c>
      <c r="E13" s="31">
        <v>1134.7344666277977</v>
      </c>
      <c r="F13" s="12">
        <v>29.027349213793293</v>
      </c>
      <c r="G13" s="12">
        <v>29.498510572783349</v>
      </c>
      <c r="H13" s="31">
        <v>1038.9071700597517</v>
      </c>
      <c r="I13" s="31">
        <v>1010.3625785630883</v>
      </c>
      <c r="J13" s="12">
        <v>26.790921899016514</v>
      </c>
      <c r="K13" s="12">
        <v>27.745194368395136</v>
      </c>
      <c r="L13" s="31">
        <v>1105.5003702278382</v>
      </c>
      <c r="M13" s="15">
        <v>889.19539217203953</v>
      </c>
      <c r="N13" s="12">
        <v>24.514051410952607</v>
      </c>
      <c r="O13" s="12">
        <v>25.902145386247465</v>
      </c>
      <c r="P13" s="31">
        <v>1184.2657227282591</v>
      </c>
      <c r="Q13" s="31">
        <v>771.21559979691472</v>
      </c>
      <c r="R13" s="12">
        <v>22.195805463790833</v>
      </c>
      <c r="S13" s="12">
        <v>23.958718013062715</v>
      </c>
      <c r="T13" s="31">
        <v>1279.0337899810004</v>
      </c>
      <c r="U13" s="18">
        <v>657.00540882696907</v>
      </c>
    </row>
    <row r="14" spans="1:21" ht="30" customHeight="1" x14ac:dyDescent="0.15">
      <c r="A14" s="11">
        <v>60</v>
      </c>
      <c r="B14" s="12">
        <v>32.591178913467857</v>
      </c>
      <c r="C14" s="12">
        <v>32.188514341019349</v>
      </c>
      <c r="D14" s="15">
        <v>949.73935191024759</v>
      </c>
      <c r="E14" s="31">
        <v>1213.5991353206593</v>
      </c>
      <c r="F14" s="12">
        <v>30.241785810136424</v>
      </c>
      <c r="G14" s="12">
        <v>30.428848862187433</v>
      </c>
      <c r="H14" s="31">
        <v>1006.4293714277001</v>
      </c>
      <c r="I14" s="31">
        <v>1078.2539715838645</v>
      </c>
      <c r="J14" s="12">
        <v>27.861955416447636</v>
      </c>
      <c r="K14" s="12">
        <v>28.59156576636007</v>
      </c>
      <c r="L14" s="31">
        <v>1072.4248657224805</v>
      </c>
      <c r="M14" s="15">
        <v>946.58732695698984</v>
      </c>
      <c r="N14" s="12">
        <v>25.443741846785667</v>
      </c>
      <c r="O14" s="12">
        <v>26.662159546449139</v>
      </c>
      <c r="P14" s="31">
        <v>1150.593857042448</v>
      </c>
      <c r="Q14" s="31">
        <v>818.71368902970687</v>
      </c>
      <c r="R14" s="12">
        <v>22.988436046581231</v>
      </c>
      <c r="S14" s="12">
        <v>24.631265260050856</v>
      </c>
      <c r="T14" s="31">
        <v>1244.7253634646484</v>
      </c>
      <c r="U14" s="18">
        <v>695.36027246435947</v>
      </c>
    </row>
    <row r="15" spans="1:21" ht="30" customHeight="1" x14ac:dyDescent="0.15">
      <c r="A15" s="11">
        <v>65</v>
      </c>
      <c r="B15" s="12">
        <v>33.834882209099604</v>
      </c>
      <c r="C15" s="12">
        <v>33.099930038925528</v>
      </c>
      <c r="D15" s="15">
        <v>922.57319689584881</v>
      </c>
      <c r="E15" s="31">
        <v>1287.3127235846907</v>
      </c>
      <c r="F15" s="12">
        <v>31.335063525712219</v>
      </c>
      <c r="G15" s="12">
        <v>31.254079317330191</v>
      </c>
      <c r="H15" s="15">
        <v>979.11059996935933</v>
      </c>
      <c r="I15" s="31">
        <v>1140.5901414763696</v>
      </c>
      <c r="J15" s="12">
        <v>28.808132142309635</v>
      </c>
      <c r="K15" s="12">
        <v>29.328990829049463</v>
      </c>
      <c r="L15" s="31">
        <v>1045.0280848741761</v>
      </c>
      <c r="M15" s="15">
        <v>998.26216973756459</v>
      </c>
      <c r="N15" s="12">
        <v>26.248306772239573</v>
      </c>
      <c r="O15" s="12">
        <v>27.311502981852094</v>
      </c>
      <c r="P15" s="31">
        <v>1123.1687863250279</v>
      </c>
      <c r="Q15" s="31">
        <v>860.57495245359701</v>
      </c>
      <c r="R15" s="12">
        <v>23.659126202326274</v>
      </c>
      <c r="S15" s="12">
        <v>25.193702971226919</v>
      </c>
      <c r="T15" s="31">
        <v>1217.293983091535</v>
      </c>
      <c r="U15" s="18">
        <v>728.38283072453271</v>
      </c>
    </row>
    <row r="16" spans="1:21" ht="30" customHeight="1" x14ac:dyDescent="0.15">
      <c r="A16" s="11">
        <v>70</v>
      </c>
      <c r="B16" s="12">
        <v>34.97393092866794</v>
      </c>
      <c r="C16" s="12">
        <v>33.923156124714048</v>
      </c>
      <c r="D16" s="15">
        <v>899.20310623124544</v>
      </c>
      <c r="E16" s="31">
        <v>1356.0379412459565</v>
      </c>
      <c r="F16" s="12">
        <v>32.319269837489827</v>
      </c>
      <c r="G16" s="12">
        <v>31.987448528798382</v>
      </c>
      <c r="H16" s="15">
        <v>955.92532257548112</v>
      </c>
      <c r="I16" s="31">
        <v>1197.6709709878439</v>
      </c>
      <c r="J16" s="12">
        <v>29.644007380565647</v>
      </c>
      <c r="K16" s="12">
        <v>29.972748909454484</v>
      </c>
      <c r="L16" s="31">
        <v>1022.1206809697715</v>
      </c>
      <c r="M16" s="31">
        <v>1044.6557931189266</v>
      </c>
      <c r="N16" s="12">
        <v>26.944586624457926</v>
      </c>
      <c r="O16" s="12">
        <v>27.867406188581338</v>
      </c>
      <c r="P16" s="31">
        <v>1100.6116844107232</v>
      </c>
      <c r="Q16" s="31">
        <v>897.35662482258022</v>
      </c>
      <c r="R16" s="12">
        <v>24.226635575267363</v>
      </c>
      <c r="S16" s="12">
        <v>25.665016168716953</v>
      </c>
      <c r="T16" s="31">
        <v>1195.1385014939713</v>
      </c>
      <c r="U16" s="18">
        <v>756.72434106959258</v>
      </c>
    </row>
    <row r="17" spans="1:21" ht="30" customHeight="1" x14ac:dyDescent="0.15">
      <c r="A17" s="11">
        <v>75</v>
      </c>
      <c r="B17" s="12">
        <v>36.017131497571469</v>
      </c>
      <c r="C17" s="12">
        <v>34.667862188386572</v>
      </c>
      <c r="D17" s="15">
        <v>878.95436116929625</v>
      </c>
      <c r="E17" s="31">
        <v>1419.9760444167873</v>
      </c>
      <c r="F17" s="12">
        <v>33.205286309189987</v>
      </c>
      <c r="G17" s="12">
        <v>32.640220915897721</v>
      </c>
      <c r="H17" s="15">
        <v>936.09971850627835</v>
      </c>
      <c r="I17" s="31">
        <v>1249.8218665996139</v>
      </c>
      <c r="J17" s="12">
        <v>30.382439636223836</v>
      </c>
      <c r="K17" s="12">
        <v>30.535658345393092</v>
      </c>
      <c r="L17" s="31">
        <v>1002.817018944627</v>
      </c>
      <c r="M17" s="31">
        <v>1086.2096904320199</v>
      </c>
      <c r="N17" s="12">
        <v>27.547155313779918</v>
      </c>
      <c r="O17" s="12">
        <v>28.344104535158753</v>
      </c>
      <c r="P17" s="31">
        <v>1081.9094854639291</v>
      </c>
      <c r="Q17" s="31">
        <v>929.59594396461864</v>
      </c>
      <c r="R17" s="12">
        <v>24.706837775370055</v>
      </c>
      <c r="S17" s="12">
        <v>26.060620817023906</v>
      </c>
      <c r="T17" s="31">
        <v>1177.0986466106024</v>
      </c>
      <c r="U17" s="18">
        <v>780.98710033015095</v>
      </c>
    </row>
    <row r="18" spans="1:21" ht="30" customHeight="1" x14ac:dyDescent="0.15">
      <c r="A18" s="11">
        <v>80</v>
      </c>
      <c r="B18" s="12">
        <v>36.972549302152366</v>
      </c>
      <c r="C18" s="12">
        <v>35.342430536080855</v>
      </c>
      <c r="D18" s="15">
        <v>861.30186050400187</v>
      </c>
      <c r="E18" s="31">
        <v>1479.3527080428976</v>
      </c>
      <c r="F18" s="12">
        <v>34.002908899829691</v>
      </c>
      <c r="G18" s="12">
        <v>33.222047241218611</v>
      </c>
      <c r="H18" s="15">
        <v>919.03846683855306</v>
      </c>
      <c r="I18" s="31">
        <v>1297.3783989435474</v>
      </c>
      <c r="J18" s="12">
        <v>31.034788421353692</v>
      </c>
      <c r="K18" s="12">
        <v>31.028553895905478</v>
      </c>
      <c r="L18" s="15">
        <v>986.44360943219226</v>
      </c>
      <c r="M18" s="31">
        <v>1123.3558853799514</v>
      </c>
      <c r="N18" s="12">
        <v>28.068625271864182</v>
      </c>
      <c r="O18" s="12">
        <v>28.753446719879445</v>
      </c>
      <c r="P18" s="31">
        <v>1066.3008688875243</v>
      </c>
      <c r="Q18" s="31">
        <v>957.79731549689666</v>
      </c>
      <c r="R18" s="12">
        <v>25.113164373622386</v>
      </c>
      <c r="S18" s="12">
        <v>26.393126119003892</v>
      </c>
      <c r="T18" s="31">
        <v>1162.3132385545823</v>
      </c>
      <c r="U18" s="18">
        <v>801.71606523476953</v>
      </c>
    </row>
    <row r="19" spans="1:21" ht="30" customHeight="1" x14ac:dyDescent="0.15">
      <c r="A19" s="11">
        <v>85</v>
      </c>
      <c r="B19" s="12">
        <v>37.847571046311906</v>
      </c>
      <c r="C19" s="12">
        <v>35.954173538519143</v>
      </c>
      <c r="D19" s="15">
        <v>845.83055973549961</v>
      </c>
      <c r="E19" s="31">
        <v>1534.4075842569121</v>
      </c>
      <c r="F19" s="12">
        <v>34.720956269624068</v>
      </c>
      <c r="G19" s="12">
        <v>33.741248234128463</v>
      </c>
      <c r="H19" s="15">
        <v>904.27580642860255</v>
      </c>
      <c r="I19" s="31">
        <v>1340.6756675221773</v>
      </c>
      <c r="J19" s="12">
        <v>31.611089001670415</v>
      </c>
      <c r="K19" s="12">
        <v>31.460651179691972</v>
      </c>
      <c r="L19" s="15">
        <v>972.47896150743679</v>
      </c>
      <c r="M19" s="31">
        <v>1156.5075122505305</v>
      </c>
      <c r="N19" s="12">
        <v>28.519911443886137</v>
      </c>
      <c r="O19" s="12">
        <v>29.105355299429831</v>
      </c>
      <c r="P19" s="31">
        <v>1053.2026378803569</v>
      </c>
      <c r="Q19" s="31">
        <v>982.42578389586379</v>
      </c>
      <c r="R19" s="12">
        <v>25.456980591898777</v>
      </c>
      <c r="S19" s="12">
        <v>26.672906198653354</v>
      </c>
      <c r="T19" s="31">
        <v>1150.1301553629787</v>
      </c>
      <c r="U19" s="18">
        <v>819.39686807066914</v>
      </c>
    </row>
    <row r="20" spans="1:21" ht="30" customHeight="1" x14ac:dyDescent="0.15">
      <c r="A20" s="11">
        <v>90</v>
      </c>
      <c r="B20" s="12">
        <v>38.648961860970054</v>
      </c>
      <c r="C20" s="12">
        <v>36.50950500380069</v>
      </c>
      <c r="D20" s="15">
        <v>832.20789306313247</v>
      </c>
      <c r="E20" s="31">
        <v>1585.3865971004841</v>
      </c>
      <c r="F20" s="12">
        <v>35.367367280695248</v>
      </c>
      <c r="G20" s="12">
        <v>34.205036625753323</v>
      </c>
      <c r="H20" s="15">
        <v>891.44194533435143</v>
      </c>
      <c r="I20" s="31">
        <v>1380.0410492430112</v>
      </c>
      <c r="J20" s="12">
        <v>32.120206771863359</v>
      </c>
      <c r="K20" s="12">
        <v>31.839829918171219</v>
      </c>
      <c r="L20" s="15">
        <v>960.51292031111711</v>
      </c>
      <c r="M20" s="31">
        <v>1186.0532683604476</v>
      </c>
      <c r="N20" s="12">
        <v>28.910459750458607</v>
      </c>
      <c r="O20" s="12">
        <v>29.408181836443617</v>
      </c>
      <c r="P20" s="31">
        <v>1042.160671746798</v>
      </c>
      <c r="Q20" s="31">
        <v>1003.9045349457032</v>
      </c>
      <c r="R20" s="12">
        <v>25.747903195681832</v>
      </c>
      <c r="S20" s="12">
        <v>26.90853706144717</v>
      </c>
      <c r="T20" s="31">
        <v>1140.0471887894928</v>
      </c>
      <c r="U20" s="18">
        <v>834.45753570288252</v>
      </c>
    </row>
    <row r="21" spans="1:21" ht="30" customHeight="1" x14ac:dyDescent="0.15">
      <c r="A21" s="11">
        <v>95</v>
      </c>
      <c r="B21" s="12">
        <v>39.382917607904467</v>
      </c>
      <c r="C21" s="12">
        <v>37.014077209863657</v>
      </c>
      <c r="D21" s="15">
        <v>820.16413494711014</v>
      </c>
      <c r="E21" s="31">
        <v>1632.5362872537687</v>
      </c>
      <c r="F21" s="12">
        <v>35.949288770573723</v>
      </c>
      <c r="G21" s="12">
        <v>34.61969358922358</v>
      </c>
      <c r="H21" s="15">
        <v>880.2394655525618</v>
      </c>
      <c r="I21" s="31">
        <v>1415.7893846534171</v>
      </c>
      <c r="J21" s="12">
        <v>32.569973634467914</v>
      </c>
      <c r="K21" s="12">
        <v>32.172857541295897</v>
      </c>
      <c r="L21" s="15">
        <v>950.21847871370858</v>
      </c>
      <c r="M21" s="31">
        <v>1212.3545082585033</v>
      </c>
      <c r="N21" s="12">
        <v>29.24844480123744</v>
      </c>
      <c r="O21" s="12">
        <v>29.668985189942855</v>
      </c>
      <c r="P21" s="31">
        <v>1032.8163499907612</v>
      </c>
      <c r="Q21" s="31">
        <v>1022.6149345341749</v>
      </c>
      <c r="R21" s="12">
        <v>25.994069481310262</v>
      </c>
      <c r="S21" s="12">
        <v>27.107135943409148</v>
      </c>
      <c r="T21" s="31">
        <v>1131.6720344724818</v>
      </c>
      <c r="U21" s="18">
        <v>847.27223502435857</v>
      </c>
    </row>
    <row r="22" spans="1:21" ht="30" customHeight="1" thickBot="1" x14ac:dyDescent="0.2">
      <c r="A22" s="13">
        <v>100</v>
      </c>
      <c r="B22" s="14">
        <v>40.055112782349823</v>
      </c>
      <c r="C22" s="14">
        <v>37.472891859233592</v>
      </c>
      <c r="D22" s="16">
        <v>809.47814862131168</v>
      </c>
      <c r="E22" s="32">
        <v>1676.0997030094823</v>
      </c>
      <c r="F22" s="14">
        <v>36.473154568931989</v>
      </c>
      <c r="G22" s="14">
        <v>34.990710811545107</v>
      </c>
      <c r="H22" s="16">
        <v>870.42640610164665</v>
      </c>
      <c r="I22" s="32">
        <v>1448.2199247873152</v>
      </c>
      <c r="J22" s="14">
        <v>32.967308480235488</v>
      </c>
      <c r="K22" s="14">
        <v>32.465568131343467</v>
      </c>
      <c r="L22" s="16">
        <v>941.33179941512924</v>
      </c>
      <c r="M22" s="32">
        <v>1235.7441282021921</v>
      </c>
      <c r="N22" s="14">
        <v>29.540940998577298</v>
      </c>
      <c r="O22" s="14">
        <v>29.893752584404144</v>
      </c>
      <c r="P22" s="32">
        <v>1024.8830126542323</v>
      </c>
      <c r="Q22" s="32">
        <v>1038.898114858069</v>
      </c>
      <c r="R22" s="14">
        <v>26.20236488150298</v>
      </c>
      <c r="S22" s="14">
        <v>27.274628403621922</v>
      </c>
      <c r="T22" s="32">
        <v>1124.694521007895</v>
      </c>
      <c r="U22" s="19">
        <v>858.16600284777462</v>
      </c>
    </row>
  </sheetData>
  <phoneticPr fontId="1"/>
  <pageMargins left="0.70866141732283472" right="0.70866141732283472" top="1.299212598425197" bottom="0.39370078740157483" header="0.62992125984251968" footer="0.31496062992125984"/>
  <pageSetup paperSize="9" scale="72" orientation="landscape" r:id="rId1"/>
  <headerFooter differentFirst="1" scaleWithDoc="0" alignWithMargins="0">
    <firstHeader>&amp;L&amp;"ＭＳ 明朝,標準"&amp;18 14. 島根県人工林現実林分材積表</firstHeader>
  </headerFooter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ugi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FOMA0909</dc:creator>
  <cp:lastModifiedBy>Windows ユーザー</cp:lastModifiedBy>
  <cp:lastPrinted>2015-08-24T04:49:11Z</cp:lastPrinted>
  <dcterms:created xsi:type="dcterms:W3CDTF">2011-01-28T07:29:45Z</dcterms:created>
  <dcterms:modified xsi:type="dcterms:W3CDTF">2019-08-27T23:58:35Z</dcterms:modified>
</cp:coreProperties>
</file>